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62913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11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7" t="s">
        <v>52</v>
      </c>
      <c r="B1" s="17"/>
      <c r="C1" s="17"/>
      <c r="D1" s="17"/>
      <c r="E1" s="17"/>
      <c r="F1" s="17"/>
      <c r="G1" s="17"/>
      <c r="H1" s="17"/>
      <c r="I1" s="17"/>
      <c r="J1" s="17"/>
      <c r="K1" s="17"/>
      <c r="L1" s="17"/>
      <c r="M1" s="17"/>
      <c r="N1" s="17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6" t="s">
        <v>38</v>
      </c>
      <c r="B4" s="18" t="s">
        <v>45</v>
      </c>
      <c r="C4" s="18"/>
      <c r="D4" s="18"/>
      <c r="E4" s="18"/>
      <c r="F4" s="18" t="s">
        <v>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6"/>
      <c r="B5" s="18"/>
      <c r="C5" s="18"/>
      <c r="D5" s="18"/>
      <c r="E5" s="18"/>
      <c r="F5" s="18" t="s">
        <v>47</v>
      </c>
      <c r="G5" s="18"/>
      <c r="H5" s="18"/>
      <c r="I5" s="18" t="s">
        <v>48</v>
      </c>
      <c r="J5" s="18"/>
      <c r="K5" s="18"/>
      <c r="L5" s="18" t="s">
        <v>49</v>
      </c>
      <c r="M5" s="18"/>
      <c r="N5" s="18"/>
    </row>
    <row r="6" spans="1:14" ht="15" customHeight="1" x14ac:dyDescent="0.4">
      <c r="A6" s="16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2</v>
      </c>
      <c r="C7" s="9">
        <v>3</v>
      </c>
      <c r="D7" s="14">
        <v>5</v>
      </c>
      <c r="E7" s="10">
        <v>1100</v>
      </c>
      <c r="F7" s="8">
        <v>1167</v>
      </c>
      <c r="G7" s="9">
        <v>1219</v>
      </c>
      <c r="H7" s="10">
        <v>2386</v>
      </c>
      <c r="I7" s="8">
        <v>5</v>
      </c>
      <c r="J7" s="9">
        <v>4</v>
      </c>
      <c r="K7" s="10">
        <v>9</v>
      </c>
      <c r="L7" s="8">
        <v>1172</v>
      </c>
      <c r="M7" s="9">
        <v>1223</v>
      </c>
      <c r="N7" s="10">
        <v>2395</v>
      </c>
    </row>
    <row r="8" spans="1:14" ht="18" customHeight="1" x14ac:dyDescent="0.4">
      <c r="A8" s="2" t="s">
        <v>1</v>
      </c>
      <c r="B8" s="8">
        <v>462</v>
      </c>
      <c r="C8" s="9">
        <v>8</v>
      </c>
      <c r="D8" s="14">
        <v>6</v>
      </c>
      <c r="E8" s="10">
        <v>476</v>
      </c>
      <c r="F8" s="8">
        <v>407</v>
      </c>
      <c r="G8" s="9">
        <v>374</v>
      </c>
      <c r="H8" s="10">
        <v>781</v>
      </c>
      <c r="I8" s="8">
        <v>15</v>
      </c>
      <c r="J8" s="9">
        <v>0</v>
      </c>
      <c r="K8" s="10">
        <v>15</v>
      </c>
      <c r="L8" s="8">
        <v>422</v>
      </c>
      <c r="M8" s="9">
        <v>374</v>
      </c>
      <c r="N8" s="10">
        <v>796</v>
      </c>
    </row>
    <row r="9" spans="1:14" ht="18" customHeight="1" x14ac:dyDescent="0.4">
      <c r="A9" s="2" t="s">
        <v>2</v>
      </c>
      <c r="B9" s="8">
        <v>2278</v>
      </c>
      <c r="C9" s="9">
        <v>15</v>
      </c>
      <c r="D9" s="14">
        <v>7</v>
      </c>
      <c r="E9" s="10">
        <v>2300</v>
      </c>
      <c r="F9" s="8">
        <v>2145</v>
      </c>
      <c r="G9" s="9">
        <v>2137</v>
      </c>
      <c r="H9" s="10">
        <v>4282</v>
      </c>
      <c r="I9" s="8">
        <v>16</v>
      </c>
      <c r="J9" s="9">
        <v>17</v>
      </c>
      <c r="K9" s="10">
        <v>33</v>
      </c>
      <c r="L9" s="8">
        <v>2161</v>
      </c>
      <c r="M9" s="9">
        <v>2154</v>
      </c>
      <c r="N9" s="10">
        <v>4315</v>
      </c>
    </row>
    <row r="10" spans="1:14" ht="18" customHeight="1" x14ac:dyDescent="0.4">
      <c r="A10" s="2" t="s">
        <v>3</v>
      </c>
      <c r="B10" s="8">
        <v>2343</v>
      </c>
      <c r="C10" s="9">
        <v>14</v>
      </c>
      <c r="D10" s="14">
        <v>28</v>
      </c>
      <c r="E10" s="10">
        <v>2385</v>
      </c>
      <c r="F10" s="8">
        <v>2281</v>
      </c>
      <c r="G10" s="9">
        <v>2458</v>
      </c>
      <c r="H10" s="10">
        <v>4739</v>
      </c>
      <c r="I10" s="8">
        <v>29</v>
      </c>
      <c r="J10" s="9">
        <v>22</v>
      </c>
      <c r="K10" s="10">
        <v>51</v>
      </c>
      <c r="L10" s="8">
        <v>2310</v>
      </c>
      <c r="M10" s="9">
        <v>2480</v>
      </c>
      <c r="N10" s="10">
        <v>4790</v>
      </c>
    </row>
    <row r="11" spans="1:14" ht="18" customHeight="1" x14ac:dyDescent="0.4">
      <c r="A11" s="2" t="s">
        <v>4</v>
      </c>
      <c r="B11" s="8">
        <v>1048</v>
      </c>
      <c r="C11" s="9">
        <v>3</v>
      </c>
      <c r="D11" s="14">
        <v>4</v>
      </c>
      <c r="E11" s="10">
        <v>1055</v>
      </c>
      <c r="F11" s="8">
        <v>891</v>
      </c>
      <c r="G11" s="9">
        <v>1053</v>
      </c>
      <c r="H11" s="10">
        <v>1944</v>
      </c>
      <c r="I11" s="8">
        <v>7</v>
      </c>
      <c r="J11" s="9">
        <v>6</v>
      </c>
      <c r="K11" s="10">
        <v>13</v>
      </c>
      <c r="L11" s="8">
        <v>898</v>
      </c>
      <c r="M11" s="9">
        <v>1059</v>
      </c>
      <c r="N11" s="10">
        <v>1957</v>
      </c>
    </row>
    <row r="12" spans="1:14" ht="18" customHeight="1" x14ac:dyDescent="0.4">
      <c r="A12" s="2" t="s">
        <v>5</v>
      </c>
      <c r="B12" s="8">
        <v>728</v>
      </c>
      <c r="C12" s="9">
        <v>6</v>
      </c>
      <c r="D12" s="14">
        <v>5</v>
      </c>
      <c r="E12" s="10">
        <v>739</v>
      </c>
      <c r="F12" s="8">
        <v>678</v>
      </c>
      <c r="G12" s="9">
        <v>727</v>
      </c>
      <c r="H12" s="10">
        <v>1405</v>
      </c>
      <c r="I12" s="8">
        <v>14</v>
      </c>
      <c r="J12" s="9">
        <v>12</v>
      </c>
      <c r="K12" s="10">
        <v>26</v>
      </c>
      <c r="L12" s="8">
        <v>692</v>
      </c>
      <c r="M12" s="9">
        <v>739</v>
      </c>
      <c r="N12" s="10">
        <v>1431</v>
      </c>
    </row>
    <row r="13" spans="1:14" ht="18" customHeight="1" x14ac:dyDescent="0.4">
      <c r="A13" s="2" t="s">
        <v>6</v>
      </c>
      <c r="B13" s="8">
        <v>660</v>
      </c>
      <c r="C13" s="9">
        <v>5</v>
      </c>
      <c r="D13" s="14">
        <v>5</v>
      </c>
      <c r="E13" s="10">
        <v>670</v>
      </c>
      <c r="F13" s="8">
        <v>692</v>
      </c>
      <c r="G13" s="9">
        <v>659</v>
      </c>
      <c r="H13" s="10">
        <v>1351</v>
      </c>
      <c r="I13" s="8">
        <v>10</v>
      </c>
      <c r="J13" s="9">
        <v>7</v>
      </c>
      <c r="K13" s="10">
        <v>17</v>
      </c>
      <c r="L13" s="8">
        <v>702</v>
      </c>
      <c r="M13" s="9">
        <v>666</v>
      </c>
      <c r="N13" s="10">
        <v>1368</v>
      </c>
    </row>
    <row r="14" spans="1:14" ht="18" customHeight="1" x14ac:dyDescent="0.4">
      <c r="A14" s="2" t="s">
        <v>7</v>
      </c>
      <c r="B14" s="8">
        <v>347</v>
      </c>
      <c r="C14" s="9">
        <v>13</v>
      </c>
      <c r="D14" s="14">
        <v>2</v>
      </c>
      <c r="E14" s="10">
        <v>362</v>
      </c>
      <c r="F14" s="8">
        <v>353</v>
      </c>
      <c r="G14" s="9">
        <v>422</v>
      </c>
      <c r="H14" s="10">
        <v>775</v>
      </c>
      <c r="I14" s="8">
        <v>11</v>
      </c>
      <c r="J14" s="9">
        <v>7</v>
      </c>
      <c r="K14" s="10">
        <v>18</v>
      </c>
      <c r="L14" s="8">
        <v>364</v>
      </c>
      <c r="M14" s="9">
        <v>429</v>
      </c>
      <c r="N14" s="10">
        <v>793</v>
      </c>
    </row>
    <row r="15" spans="1:14" ht="18" customHeight="1" x14ac:dyDescent="0.4">
      <c r="A15" s="2" t="s">
        <v>8</v>
      </c>
      <c r="B15" s="8">
        <v>1488</v>
      </c>
      <c r="C15" s="9">
        <v>46</v>
      </c>
      <c r="D15" s="14">
        <v>16</v>
      </c>
      <c r="E15" s="10">
        <v>1550</v>
      </c>
      <c r="F15" s="8">
        <v>1213</v>
      </c>
      <c r="G15" s="9">
        <v>1205</v>
      </c>
      <c r="H15" s="10">
        <v>2418</v>
      </c>
      <c r="I15" s="8">
        <v>44</v>
      </c>
      <c r="J15" s="9">
        <v>31</v>
      </c>
      <c r="K15" s="10">
        <v>75</v>
      </c>
      <c r="L15" s="8">
        <v>1257</v>
      </c>
      <c r="M15" s="9">
        <v>1236</v>
      </c>
      <c r="N15" s="10">
        <v>2493</v>
      </c>
    </row>
    <row r="16" spans="1:14" ht="18" customHeight="1" x14ac:dyDescent="0.4">
      <c r="A16" s="2" t="s">
        <v>9</v>
      </c>
      <c r="B16" s="8">
        <v>3244</v>
      </c>
      <c r="C16" s="9">
        <v>65</v>
      </c>
      <c r="D16" s="14">
        <v>35</v>
      </c>
      <c r="E16" s="10">
        <v>3344</v>
      </c>
      <c r="F16" s="8">
        <v>3027</v>
      </c>
      <c r="G16" s="9">
        <v>3441</v>
      </c>
      <c r="H16" s="10">
        <v>6468</v>
      </c>
      <c r="I16" s="8">
        <v>66</v>
      </c>
      <c r="J16" s="9">
        <v>72</v>
      </c>
      <c r="K16" s="10">
        <v>138</v>
      </c>
      <c r="L16" s="8">
        <v>3093</v>
      </c>
      <c r="M16" s="9">
        <v>3513</v>
      </c>
      <c r="N16" s="10">
        <v>6606</v>
      </c>
    </row>
    <row r="17" spans="1:14" ht="18" customHeight="1" x14ac:dyDescent="0.4">
      <c r="A17" s="2" t="s">
        <v>10</v>
      </c>
      <c r="B17" s="8">
        <v>1853</v>
      </c>
      <c r="C17" s="9">
        <v>39</v>
      </c>
      <c r="D17" s="14">
        <v>14</v>
      </c>
      <c r="E17" s="10">
        <v>1906</v>
      </c>
      <c r="F17" s="8">
        <v>1740</v>
      </c>
      <c r="G17" s="9">
        <v>1838</v>
      </c>
      <c r="H17" s="10">
        <v>3578</v>
      </c>
      <c r="I17" s="8">
        <v>39</v>
      </c>
      <c r="J17" s="9">
        <v>30</v>
      </c>
      <c r="K17" s="10">
        <v>69</v>
      </c>
      <c r="L17" s="8">
        <v>1779</v>
      </c>
      <c r="M17" s="9">
        <v>1868</v>
      </c>
      <c r="N17" s="10">
        <v>3647</v>
      </c>
    </row>
    <row r="18" spans="1:14" ht="18" customHeight="1" x14ac:dyDescent="0.4">
      <c r="A18" s="2" t="s">
        <v>11</v>
      </c>
      <c r="B18" s="8">
        <v>646</v>
      </c>
      <c r="C18" s="9">
        <v>5</v>
      </c>
      <c r="D18" s="14">
        <v>1</v>
      </c>
      <c r="E18" s="10">
        <v>652</v>
      </c>
      <c r="F18" s="8">
        <v>609</v>
      </c>
      <c r="G18" s="9">
        <v>603</v>
      </c>
      <c r="H18" s="10">
        <v>1212</v>
      </c>
      <c r="I18" s="8">
        <v>7</v>
      </c>
      <c r="J18" s="9">
        <v>1</v>
      </c>
      <c r="K18" s="10">
        <v>8</v>
      </c>
      <c r="L18" s="8">
        <v>616</v>
      </c>
      <c r="M18" s="9">
        <v>604</v>
      </c>
      <c r="N18" s="10">
        <v>1220</v>
      </c>
    </row>
    <row r="19" spans="1:14" ht="18" customHeight="1" x14ac:dyDescent="0.4">
      <c r="A19" s="2" t="s">
        <v>12</v>
      </c>
      <c r="B19" s="8">
        <v>2251</v>
      </c>
      <c r="C19" s="9">
        <v>29</v>
      </c>
      <c r="D19" s="14">
        <v>18</v>
      </c>
      <c r="E19" s="10">
        <v>2298</v>
      </c>
      <c r="F19" s="8">
        <v>2156</v>
      </c>
      <c r="G19" s="9">
        <v>2323</v>
      </c>
      <c r="H19" s="10">
        <v>4479</v>
      </c>
      <c r="I19" s="8">
        <v>32</v>
      </c>
      <c r="J19" s="9">
        <v>26</v>
      </c>
      <c r="K19" s="10">
        <v>58</v>
      </c>
      <c r="L19" s="8">
        <v>2188</v>
      </c>
      <c r="M19" s="9">
        <v>2349</v>
      </c>
      <c r="N19" s="10">
        <v>4537</v>
      </c>
    </row>
    <row r="20" spans="1:14" ht="18" customHeight="1" x14ac:dyDescent="0.4">
      <c r="A20" s="2" t="s">
        <v>13</v>
      </c>
      <c r="B20" s="8">
        <v>1661</v>
      </c>
      <c r="C20" s="9">
        <v>17</v>
      </c>
      <c r="D20" s="14">
        <v>19</v>
      </c>
      <c r="E20" s="10">
        <v>1697</v>
      </c>
      <c r="F20" s="8">
        <v>1927</v>
      </c>
      <c r="G20" s="9">
        <v>2031</v>
      </c>
      <c r="H20" s="10">
        <v>3958</v>
      </c>
      <c r="I20" s="8">
        <v>28</v>
      </c>
      <c r="J20" s="9">
        <v>15</v>
      </c>
      <c r="K20" s="10">
        <v>43</v>
      </c>
      <c r="L20" s="8">
        <v>1955</v>
      </c>
      <c r="M20" s="9">
        <v>2046</v>
      </c>
      <c r="N20" s="10">
        <v>4001</v>
      </c>
    </row>
    <row r="21" spans="1:14" ht="18" customHeight="1" x14ac:dyDescent="0.4">
      <c r="A21" s="2" t="s">
        <v>14</v>
      </c>
      <c r="B21" s="8">
        <v>1138</v>
      </c>
      <c r="C21" s="9">
        <v>32</v>
      </c>
      <c r="D21" s="14">
        <v>14</v>
      </c>
      <c r="E21" s="10">
        <v>1184</v>
      </c>
      <c r="F21" s="8">
        <v>1082</v>
      </c>
      <c r="G21" s="9">
        <v>1226</v>
      </c>
      <c r="H21" s="10">
        <v>2308</v>
      </c>
      <c r="I21" s="8">
        <v>36</v>
      </c>
      <c r="J21" s="9">
        <v>22</v>
      </c>
      <c r="K21" s="10">
        <v>58</v>
      </c>
      <c r="L21" s="8">
        <v>1118</v>
      </c>
      <c r="M21" s="9">
        <v>1248</v>
      </c>
      <c r="N21" s="10">
        <v>2366</v>
      </c>
    </row>
    <row r="22" spans="1:14" ht="18" customHeight="1" x14ac:dyDescent="0.4">
      <c r="A22" s="2" t="s">
        <v>15</v>
      </c>
      <c r="B22" s="8">
        <v>1005</v>
      </c>
      <c r="C22" s="9">
        <v>15</v>
      </c>
      <c r="D22" s="14">
        <v>9</v>
      </c>
      <c r="E22" s="10">
        <v>1029</v>
      </c>
      <c r="F22" s="8">
        <v>974</v>
      </c>
      <c r="G22" s="9">
        <v>1051</v>
      </c>
      <c r="H22" s="10">
        <v>2025</v>
      </c>
      <c r="I22" s="8">
        <v>24</v>
      </c>
      <c r="J22" s="9">
        <v>13</v>
      </c>
      <c r="K22" s="10">
        <v>37</v>
      </c>
      <c r="L22" s="8">
        <v>998</v>
      </c>
      <c r="M22" s="9">
        <v>1064</v>
      </c>
      <c r="N22" s="10">
        <v>2062</v>
      </c>
    </row>
    <row r="23" spans="1:14" ht="18" customHeight="1" x14ac:dyDescent="0.4">
      <c r="A23" s="2" t="s">
        <v>16</v>
      </c>
      <c r="B23" s="8">
        <v>2074</v>
      </c>
      <c r="C23" s="9">
        <v>14</v>
      </c>
      <c r="D23" s="14">
        <v>11</v>
      </c>
      <c r="E23" s="10">
        <v>2099</v>
      </c>
      <c r="F23" s="8">
        <v>2345</v>
      </c>
      <c r="G23" s="9">
        <v>2557</v>
      </c>
      <c r="H23" s="10">
        <v>4902</v>
      </c>
      <c r="I23" s="8">
        <v>22</v>
      </c>
      <c r="J23" s="9">
        <v>19</v>
      </c>
      <c r="K23" s="10">
        <v>41</v>
      </c>
      <c r="L23" s="8">
        <v>2367</v>
      </c>
      <c r="M23" s="9">
        <v>2576</v>
      </c>
      <c r="N23" s="10">
        <v>4943</v>
      </c>
    </row>
    <row r="24" spans="1:14" ht="18" customHeight="1" x14ac:dyDescent="0.4">
      <c r="A24" s="2" t="s">
        <v>17</v>
      </c>
      <c r="B24" s="8">
        <v>5032</v>
      </c>
      <c r="C24" s="9">
        <v>38</v>
      </c>
      <c r="D24" s="14">
        <v>33</v>
      </c>
      <c r="E24" s="10">
        <v>5103</v>
      </c>
      <c r="F24" s="8">
        <v>5866</v>
      </c>
      <c r="G24" s="9">
        <v>6324</v>
      </c>
      <c r="H24" s="10">
        <v>12190</v>
      </c>
      <c r="I24" s="8">
        <v>54</v>
      </c>
      <c r="J24" s="9">
        <v>37</v>
      </c>
      <c r="K24" s="10">
        <v>91</v>
      </c>
      <c r="L24" s="8">
        <v>5920</v>
      </c>
      <c r="M24" s="9">
        <v>6361</v>
      </c>
      <c r="N24" s="10">
        <v>12281</v>
      </c>
    </row>
    <row r="25" spans="1:14" ht="18" customHeight="1" x14ac:dyDescent="0.4">
      <c r="A25" s="2" t="s">
        <v>18</v>
      </c>
      <c r="B25" s="8">
        <v>2633</v>
      </c>
      <c r="C25" s="9">
        <v>20</v>
      </c>
      <c r="D25" s="14">
        <v>16</v>
      </c>
      <c r="E25" s="10">
        <v>2669</v>
      </c>
      <c r="F25" s="8">
        <v>3089</v>
      </c>
      <c r="G25" s="9">
        <v>3235</v>
      </c>
      <c r="H25" s="10">
        <v>6324</v>
      </c>
      <c r="I25" s="8">
        <v>26</v>
      </c>
      <c r="J25" s="9">
        <v>30</v>
      </c>
      <c r="K25" s="10">
        <v>56</v>
      </c>
      <c r="L25" s="8">
        <v>3115</v>
      </c>
      <c r="M25" s="9">
        <v>3265</v>
      </c>
      <c r="N25" s="10">
        <v>6380</v>
      </c>
    </row>
    <row r="26" spans="1:14" ht="18" customHeight="1" x14ac:dyDescent="0.4">
      <c r="A26" s="2" t="s">
        <v>19</v>
      </c>
      <c r="B26" s="8">
        <v>244</v>
      </c>
      <c r="C26" s="9">
        <v>0</v>
      </c>
      <c r="D26" s="14">
        <v>0</v>
      </c>
      <c r="E26" s="10">
        <v>244</v>
      </c>
      <c r="F26" s="8">
        <v>187</v>
      </c>
      <c r="G26" s="9">
        <v>193</v>
      </c>
      <c r="H26" s="10">
        <v>380</v>
      </c>
      <c r="I26" s="8">
        <v>0</v>
      </c>
      <c r="J26" s="9">
        <v>0</v>
      </c>
      <c r="K26" s="10">
        <v>0</v>
      </c>
      <c r="L26" s="8">
        <v>187</v>
      </c>
      <c r="M26" s="9">
        <v>193</v>
      </c>
      <c r="N26" s="10">
        <v>380</v>
      </c>
    </row>
    <row r="27" spans="1:14" ht="18" customHeight="1" x14ac:dyDescent="0.4">
      <c r="A27" s="2" t="s">
        <v>20</v>
      </c>
      <c r="B27" s="8">
        <v>1951</v>
      </c>
      <c r="C27" s="9">
        <v>18</v>
      </c>
      <c r="D27" s="14">
        <v>13</v>
      </c>
      <c r="E27" s="10">
        <v>1982</v>
      </c>
      <c r="F27" s="8">
        <v>2146</v>
      </c>
      <c r="G27" s="9">
        <v>2151</v>
      </c>
      <c r="H27" s="10">
        <v>4297</v>
      </c>
      <c r="I27" s="8">
        <v>17</v>
      </c>
      <c r="J27" s="9">
        <v>20</v>
      </c>
      <c r="K27" s="10">
        <v>37</v>
      </c>
      <c r="L27" s="8">
        <v>2163</v>
      </c>
      <c r="M27" s="9">
        <v>2171</v>
      </c>
      <c r="N27" s="10">
        <v>4334</v>
      </c>
    </row>
    <row r="28" spans="1:14" ht="18" customHeight="1" x14ac:dyDescent="0.4">
      <c r="A28" s="2" t="s">
        <v>21</v>
      </c>
      <c r="B28" s="8">
        <v>863</v>
      </c>
      <c r="C28" s="9">
        <v>10</v>
      </c>
      <c r="D28" s="14">
        <v>11</v>
      </c>
      <c r="E28" s="10">
        <v>884</v>
      </c>
      <c r="F28" s="8">
        <v>1041</v>
      </c>
      <c r="G28" s="9">
        <v>1072</v>
      </c>
      <c r="H28" s="10">
        <v>2113</v>
      </c>
      <c r="I28" s="8">
        <v>21</v>
      </c>
      <c r="J28" s="9">
        <v>12</v>
      </c>
      <c r="K28" s="10">
        <v>33</v>
      </c>
      <c r="L28" s="8">
        <v>1062</v>
      </c>
      <c r="M28" s="9">
        <v>1084</v>
      </c>
      <c r="N28" s="10">
        <v>2146</v>
      </c>
    </row>
    <row r="29" spans="1:14" ht="18" customHeight="1" x14ac:dyDescent="0.4">
      <c r="A29" s="2" t="s">
        <v>22</v>
      </c>
      <c r="B29" s="8">
        <v>2496</v>
      </c>
      <c r="C29" s="9">
        <v>38</v>
      </c>
      <c r="D29" s="14">
        <v>23</v>
      </c>
      <c r="E29" s="10">
        <v>2557</v>
      </c>
      <c r="F29" s="8">
        <v>2475</v>
      </c>
      <c r="G29" s="9">
        <v>2615</v>
      </c>
      <c r="H29" s="10">
        <v>5090</v>
      </c>
      <c r="I29" s="8">
        <v>50</v>
      </c>
      <c r="J29" s="9">
        <v>36</v>
      </c>
      <c r="K29" s="10">
        <v>86</v>
      </c>
      <c r="L29" s="8">
        <v>2525</v>
      </c>
      <c r="M29" s="9">
        <v>2651</v>
      </c>
      <c r="N29" s="10">
        <v>5176</v>
      </c>
    </row>
    <row r="30" spans="1:14" ht="18" customHeight="1" x14ac:dyDescent="0.4">
      <c r="A30" s="2" t="s">
        <v>23</v>
      </c>
      <c r="B30" s="8">
        <v>2454</v>
      </c>
      <c r="C30" s="9">
        <v>51</v>
      </c>
      <c r="D30" s="14">
        <v>11</v>
      </c>
      <c r="E30" s="10">
        <v>2516</v>
      </c>
      <c r="F30" s="8">
        <v>2781</v>
      </c>
      <c r="G30" s="9">
        <v>2997</v>
      </c>
      <c r="H30" s="10">
        <v>5778</v>
      </c>
      <c r="I30" s="8">
        <v>53</v>
      </c>
      <c r="J30" s="9">
        <v>14</v>
      </c>
      <c r="K30" s="10">
        <v>67</v>
      </c>
      <c r="L30" s="8">
        <v>2834</v>
      </c>
      <c r="M30" s="9">
        <v>3011</v>
      </c>
      <c r="N30" s="10">
        <v>5845</v>
      </c>
    </row>
    <row r="31" spans="1:14" ht="18" customHeight="1" x14ac:dyDescent="0.4">
      <c r="A31" s="2" t="s">
        <v>24</v>
      </c>
      <c r="B31" s="8">
        <v>1284</v>
      </c>
      <c r="C31" s="9">
        <v>13</v>
      </c>
      <c r="D31" s="14">
        <v>10</v>
      </c>
      <c r="E31" s="10">
        <v>1307</v>
      </c>
      <c r="F31" s="8">
        <v>1314</v>
      </c>
      <c r="G31" s="9">
        <v>1426</v>
      </c>
      <c r="H31" s="10">
        <v>2740</v>
      </c>
      <c r="I31" s="8">
        <v>16</v>
      </c>
      <c r="J31" s="9">
        <v>13</v>
      </c>
      <c r="K31" s="10">
        <v>29</v>
      </c>
      <c r="L31" s="8">
        <v>1330</v>
      </c>
      <c r="M31" s="9">
        <v>1439</v>
      </c>
      <c r="N31" s="10">
        <v>2769</v>
      </c>
    </row>
    <row r="32" spans="1:14" ht="18" customHeight="1" x14ac:dyDescent="0.4">
      <c r="A32" s="2" t="s">
        <v>25</v>
      </c>
      <c r="B32" s="8">
        <v>2688</v>
      </c>
      <c r="C32" s="9">
        <v>23</v>
      </c>
      <c r="D32" s="14">
        <v>17</v>
      </c>
      <c r="E32" s="10">
        <v>2728</v>
      </c>
      <c r="F32" s="8">
        <v>3200</v>
      </c>
      <c r="G32" s="9">
        <v>3233</v>
      </c>
      <c r="H32" s="10">
        <v>6433</v>
      </c>
      <c r="I32" s="8">
        <v>35</v>
      </c>
      <c r="J32" s="9">
        <v>23</v>
      </c>
      <c r="K32" s="10">
        <v>58</v>
      </c>
      <c r="L32" s="8">
        <v>3235</v>
      </c>
      <c r="M32" s="9">
        <v>3256</v>
      </c>
      <c r="N32" s="10">
        <v>6491</v>
      </c>
    </row>
    <row r="33" spans="1:14" ht="18" customHeight="1" x14ac:dyDescent="0.4">
      <c r="A33" s="2" t="s">
        <v>26</v>
      </c>
      <c r="B33" s="8">
        <v>3594</v>
      </c>
      <c r="C33" s="9">
        <v>50</v>
      </c>
      <c r="D33" s="14">
        <v>50</v>
      </c>
      <c r="E33" s="10">
        <v>3694</v>
      </c>
      <c r="F33" s="8">
        <v>3929</v>
      </c>
      <c r="G33" s="9">
        <v>4363</v>
      </c>
      <c r="H33" s="10">
        <v>8292</v>
      </c>
      <c r="I33" s="8">
        <v>88</v>
      </c>
      <c r="J33" s="9">
        <v>45</v>
      </c>
      <c r="K33" s="10">
        <v>133</v>
      </c>
      <c r="L33" s="8">
        <v>4017</v>
      </c>
      <c r="M33" s="9">
        <v>4408</v>
      </c>
      <c r="N33" s="10">
        <v>8425</v>
      </c>
    </row>
    <row r="34" spans="1:14" ht="18" customHeight="1" x14ac:dyDescent="0.4">
      <c r="A34" s="2" t="s">
        <v>27</v>
      </c>
      <c r="B34" s="8">
        <v>2099</v>
      </c>
      <c r="C34" s="9">
        <v>22</v>
      </c>
      <c r="D34" s="14">
        <v>14</v>
      </c>
      <c r="E34" s="10">
        <v>2135</v>
      </c>
      <c r="F34" s="8">
        <v>2258</v>
      </c>
      <c r="G34" s="9">
        <v>2278</v>
      </c>
      <c r="H34" s="10">
        <v>4536</v>
      </c>
      <c r="I34" s="8">
        <v>28</v>
      </c>
      <c r="J34" s="9">
        <v>19</v>
      </c>
      <c r="K34" s="10">
        <v>47</v>
      </c>
      <c r="L34" s="8">
        <v>2286</v>
      </c>
      <c r="M34" s="9">
        <v>2297</v>
      </c>
      <c r="N34" s="10">
        <v>4583</v>
      </c>
    </row>
    <row r="35" spans="1:14" ht="18" customHeight="1" x14ac:dyDescent="0.4">
      <c r="A35" s="2" t="s">
        <v>28</v>
      </c>
      <c r="B35" s="8">
        <v>446</v>
      </c>
      <c r="C35" s="9">
        <v>7</v>
      </c>
      <c r="D35" s="14">
        <v>4</v>
      </c>
      <c r="E35" s="10">
        <v>457</v>
      </c>
      <c r="F35" s="8">
        <v>523</v>
      </c>
      <c r="G35" s="9">
        <v>581</v>
      </c>
      <c r="H35" s="10">
        <v>1104</v>
      </c>
      <c r="I35" s="8">
        <v>9</v>
      </c>
      <c r="J35" s="9">
        <v>2</v>
      </c>
      <c r="K35" s="10">
        <v>11</v>
      </c>
      <c r="L35" s="8">
        <v>532</v>
      </c>
      <c r="M35" s="9">
        <v>583</v>
      </c>
      <c r="N35" s="10">
        <v>1115</v>
      </c>
    </row>
    <row r="36" spans="1:14" ht="18" customHeight="1" x14ac:dyDescent="0.4">
      <c r="A36" s="2" t="s">
        <v>29</v>
      </c>
      <c r="B36" s="15">
        <v>3125</v>
      </c>
      <c r="C36" s="9">
        <v>61</v>
      </c>
      <c r="D36" s="14">
        <v>43</v>
      </c>
      <c r="E36" s="10">
        <v>3229</v>
      </c>
      <c r="F36" s="8">
        <v>3345</v>
      </c>
      <c r="G36" s="9">
        <v>3641</v>
      </c>
      <c r="H36" s="10">
        <v>6986</v>
      </c>
      <c r="I36" s="8">
        <v>85</v>
      </c>
      <c r="J36" s="9">
        <v>48</v>
      </c>
      <c r="K36" s="10">
        <v>133</v>
      </c>
      <c r="L36" s="8">
        <v>3430</v>
      </c>
      <c r="M36" s="9">
        <v>3689</v>
      </c>
      <c r="N36" s="10">
        <v>7119</v>
      </c>
    </row>
    <row r="37" spans="1:14" ht="18" customHeight="1" x14ac:dyDescent="0.4">
      <c r="A37" s="2" t="s">
        <v>30</v>
      </c>
      <c r="B37" s="8">
        <v>1781</v>
      </c>
      <c r="C37" s="9">
        <v>34</v>
      </c>
      <c r="D37" s="14">
        <v>24</v>
      </c>
      <c r="E37" s="10">
        <v>1839</v>
      </c>
      <c r="F37" s="8">
        <v>1828</v>
      </c>
      <c r="G37" s="9">
        <v>2181</v>
      </c>
      <c r="H37" s="10">
        <v>4009</v>
      </c>
      <c r="I37" s="8">
        <v>53</v>
      </c>
      <c r="J37" s="9">
        <v>24</v>
      </c>
      <c r="K37" s="10">
        <v>77</v>
      </c>
      <c r="L37" s="8">
        <v>1881</v>
      </c>
      <c r="M37" s="9">
        <v>2205</v>
      </c>
      <c r="N37" s="10">
        <v>4086</v>
      </c>
    </row>
    <row r="38" spans="1:14" ht="18" customHeight="1" x14ac:dyDescent="0.4">
      <c r="A38" s="2" t="s">
        <v>31</v>
      </c>
      <c r="B38" s="8">
        <v>3936</v>
      </c>
      <c r="C38" s="9">
        <v>57</v>
      </c>
      <c r="D38" s="14">
        <v>37</v>
      </c>
      <c r="E38" s="10">
        <v>4030</v>
      </c>
      <c r="F38" s="8">
        <v>4405</v>
      </c>
      <c r="G38" s="9">
        <v>4605</v>
      </c>
      <c r="H38" s="10">
        <v>9010</v>
      </c>
      <c r="I38" s="8">
        <v>79</v>
      </c>
      <c r="J38" s="9">
        <v>36</v>
      </c>
      <c r="K38" s="10">
        <v>115</v>
      </c>
      <c r="L38" s="8">
        <v>4484</v>
      </c>
      <c r="M38" s="9">
        <v>4641</v>
      </c>
      <c r="N38" s="10">
        <v>9125</v>
      </c>
    </row>
    <row r="39" spans="1:14" ht="18" customHeight="1" x14ac:dyDescent="0.4">
      <c r="A39" s="2" t="s">
        <v>32</v>
      </c>
      <c r="B39" s="8">
        <v>1487</v>
      </c>
      <c r="C39" s="9">
        <v>7</v>
      </c>
      <c r="D39" s="14">
        <v>14</v>
      </c>
      <c r="E39" s="10">
        <v>1508</v>
      </c>
      <c r="F39" s="8">
        <v>1744</v>
      </c>
      <c r="G39" s="9">
        <v>1941</v>
      </c>
      <c r="H39" s="10">
        <v>3685</v>
      </c>
      <c r="I39" s="8">
        <v>12</v>
      </c>
      <c r="J39" s="9">
        <v>11</v>
      </c>
      <c r="K39" s="10">
        <v>23</v>
      </c>
      <c r="L39" s="8">
        <v>1756</v>
      </c>
      <c r="M39" s="9">
        <v>1952</v>
      </c>
      <c r="N39" s="10">
        <v>3708</v>
      </c>
    </row>
    <row r="40" spans="1:14" ht="18" customHeight="1" x14ac:dyDescent="0.4">
      <c r="A40" s="2" t="s">
        <v>33</v>
      </c>
      <c r="B40" s="8">
        <v>453</v>
      </c>
      <c r="C40" s="9">
        <v>5</v>
      </c>
      <c r="D40" s="14">
        <v>6</v>
      </c>
      <c r="E40" s="10">
        <v>464</v>
      </c>
      <c r="F40" s="8">
        <v>486</v>
      </c>
      <c r="G40" s="9">
        <v>518</v>
      </c>
      <c r="H40" s="10">
        <v>1004</v>
      </c>
      <c r="I40" s="8">
        <v>9</v>
      </c>
      <c r="J40" s="9">
        <v>4</v>
      </c>
      <c r="K40" s="10">
        <v>13</v>
      </c>
      <c r="L40" s="8">
        <v>495</v>
      </c>
      <c r="M40" s="9">
        <v>522</v>
      </c>
      <c r="N40" s="10">
        <v>1017</v>
      </c>
    </row>
    <row r="41" spans="1:14" ht="18" customHeight="1" x14ac:dyDescent="0.4">
      <c r="A41" s="2" t="s">
        <v>34</v>
      </c>
      <c r="B41" s="8">
        <v>1168</v>
      </c>
      <c r="C41" s="9">
        <v>13</v>
      </c>
      <c r="D41" s="14">
        <v>7</v>
      </c>
      <c r="E41" s="10">
        <v>1188</v>
      </c>
      <c r="F41" s="8">
        <v>1224</v>
      </c>
      <c r="G41" s="9">
        <v>1261</v>
      </c>
      <c r="H41" s="10">
        <v>2485</v>
      </c>
      <c r="I41" s="8">
        <v>16</v>
      </c>
      <c r="J41" s="9">
        <v>7</v>
      </c>
      <c r="K41" s="10">
        <v>23</v>
      </c>
      <c r="L41" s="8">
        <v>1240</v>
      </c>
      <c r="M41" s="9">
        <v>1268</v>
      </c>
      <c r="N41" s="10">
        <v>2508</v>
      </c>
    </row>
    <row r="42" spans="1:14" ht="18" customHeight="1" x14ac:dyDescent="0.4">
      <c r="A42" s="2" t="s">
        <v>35</v>
      </c>
      <c r="B42" s="8">
        <v>1066</v>
      </c>
      <c r="C42" s="9">
        <v>1</v>
      </c>
      <c r="D42" s="14">
        <v>6</v>
      </c>
      <c r="E42" s="10">
        <v>1073</v>
      </c>
      <c r="F42" s="8">
        <v>1186</v>
      </c>
      <c r="G42" s="9">
        <v>1332</v>
      </c>
      <c r="H42" s="10">
        <v>2518</v>
      </c>
      <c r="I42" s="8">
        <v>7</v>
      </c>
      <c r="J42" s="9">
        <v>0</v>
      </c>
      <c r="K42" s="10">
        <v>7</v>
      </c>
      <c r="L42" s="8">
        <v>1193</v>
      </c>
      <c r="M42" s="9">
        <v>1332</v>
      </c>
      <c r="N42" s="10">
        <v>2525</v>
      </c>
    </row>
    <row r="43" spans="1:14" ht="18" customHeight="1" x14ac:dyDescent="0.4">
      <c r="A43" s="2" t="s">
        <v>36</v>
      </c>
      <c r="B43" s="8">
        <v>1147</v>
      </c>
      <c r="C43" s="9">
        <v>27</v>
      </c>
      <c r="D43" s="14">
        <v>9</v>
      </c>
      <c r="E43" s="10">
        <v>1183</v>
      </c>
      <c r="F43" s="8">
        <v>1312</v>
      </c>
      <c r="G43" s="9">
        <v>1308</v>
      </c>
      <c r="H43" s="10">
        <v>2620</v>
      </c>
      <c r="I43" s="8">
        <v>15</v>
      </c>
      <c r="J43" s="9">
        <v>32</v>
      </c>
      <c r="K43" s="10">
        <v>47</v>
      </c>
      <c r="L43" s="8">
        <v>1327</v>
      </c>
      <c r="M43" s="9">
        <v>1340</v>
      </c>
      <c r="N43" s="10">
        <v>2667</v>
      </c>
    </row>
    <row r="44" spans="1:14" ht="18" customHeight="1" x14ac:dyDescent="0.4">
      <c r="A44" s="2" t="s">
        <v>37</v>
      </c>
      <c r="B44" s="8">
        <v>156</v>
      </c>
      <c r="C44" s="9">
        <v>3</v>
      </c>
      <c r="D44" s="14">
        <v>0</v>
      </c>
      <c r="E44" s="10">
        <v>159</v>
      </c>
      <c r="F44" s="8">
        <v>98</v>
      </c>
      <c r="G44" s="9">
        <v>183</v>
      </c>
      <c r="H44" s="10">
        <v>281</v>
      </c>
      <c r="I44" s="8">
        <v>0</v>
      </c>
      <c r="J44" s="9">
        <v>3</v>
      </c>
      <c r="K44" s="10">
        <v>3</v>
      </c>
      <c r="L44" s="8">
        <v>98</v>
      </c>
      <c r="M44" s="9">
        <v>186</v>
      </c>
      <c r="N44" s="10">
        <v>284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421</v>
      </c>
      <c r="C52" s="9">
        <v>827</v>
      </c>
      <c r="D52" s="14">
        <v>547</v>
      </c>
      <c r="E52" s="10">
        <v>65795</v>
      </c>
      <c r="F52" s="8">
        <v>68124</v>
      </c>
      <c r="G52" s="9">
        <v>72762</v>
      </c>
      <c r="H52" s="10">
        <v>140886</v>
      </c>
      <c r="I52" s="8">
        <v>1078</v>
      </c>
      <c r="J52" s="9">
        <v>720</v>
      </c>
      <c r="K52" s="10">
        <v>1798</v>
      </c>
      <c r="L52" s="8">
        <v>69202</v>
      </c>
      <c r="M52" s="9">
        <v>73482</v>
      </c>
      <c r="N52" s="10">
        <v>142684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2-12-02T07:31:38Z</cp:lastPrinted>
  <dcterms:created xsi:type="dcterms:W3CDTF">2019-11-13T09:53:37Z</dcterms:created>
  <dcterms:modified xsi:type="dcterms:W3CDTF">2022-12-08T04:12:46Z</dcterms:modified>
</cp:coreProperties>
</file>